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HP用\"/>
    </mc:Choice>
  </mc:AlternateContent>
  <xr:revisionPtr revIDLastSave="0" documentId="13_ncr:1_{9F8B943B-4DBE-451A-AAAF-4A30F67EB726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9" uniqueCount="70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デンマーク</t>
  </si>
  <si>
    <t>ウガンダ</t>
  </si>
  <si>
    <t>ニュージーランド</t>
  </si>
  <si>
    <t>令和 3年 4月30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8</v>
      </c>
    </row>
    <row r="4" spans="1:5" ht="21" x14ac:dyDescent="0.4">
      <c r="A4" s="4" t="s">
        <v>56</v>
      </c>
      <c r="D4" s="13" t="s">
        <v>57</v>
      </c>
      <c r="E4" s="3" t="s">
        <v>68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5</v>
      </c>
      <c r="C12" s="11">
        <v>27</v>
      </c>
      <c r="D12" s="12">
        <v>48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5</v>
      </c>
      <c r="C14" s="11">
        <v>12</v>
      </c>
      <c r="D14" s="12">
        <v>3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1</v>
      </c>
      <c r="C17" s="11">
        <v>1</v>
      </c>
      <c r="D17" s="12">
        <v>0</v>
      </c>
      <c r="E17" s="7"/>
    </row>
    <row r="18" spans="1:5" ht="25.15" customHeight="1" x14ac:dyDescent="0.4">
      <c r="A18" s="7" t="s">
        <v>11</v>
      </c>
      <c r="B18" s="8">
        <v>10</v>
      </c>
      <c r="C18" s="11">
        <v>9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50</v>
      </c>
      <c r="C20" s="11">
        <v>68</v>
      </c>
      <c r="D20" s="12">
        <v>82</v>
      </c>
      <c r="E20" s="7"/>
    </row>
    <row r="21" spans="1:5" ht="25.15" customHeight="1" x14ac:dyDescent="0.4">
      <c r="A21" s="7" t="s">
        <v>14</v>
      </c>
      <c r="B21" s="8">
        <v>46</v>
      </c>
      <c r="C21" s="11">
        <v>23</v>
      </c>
      <c r="D21" s="12">
        <v>23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1</v>
      </c>
      <c r="C24" s="11">
        <v>1</v>
      </c>
      <c r="D24" s="12">
        <v>0</v>
      </c>
      <c r="E24" s="7"/>
    </row>
    <row r="25" spans="1:5" ht="25.15" customHeight="1" x14ac:dyDescent="0.4">
      <c r="A25" s="7" t="s">
        <v>16</v>
      </c>
      <c r="B25" s="8">
        <v>9</v>
      </c>
      <c r="C25" s="11">
        <v>7</v>
      </c>
      <c r="D25" s="12">
        <v>2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71</v>
      </c>
      <c r="C28" s="11">
        <v>52</v>
      </c>
      <c r="D28" s="12">
        <v>19</v>
      </c>
      <c r="E28" s="7"/>
    </row>
    <row r="29" spans="1:5" ht="25.15" customHeight="1" x14ac:dyDescent="0.4">
      <c r="A29" s="7" t="s">
        <v>20</v>
      </c>
      <c r="B29" s="8">
        <v>39</v>
      </c>
      <c r="C29" s="11">
        <v>32</v>
      </c>
      <c r="D29" s="12">
        <v>7</v>
      </c>
      <c r="E29" s="7"/>
    </row>
    <row r="30" spans="1:5" ht="25.15" customHeight="1" x14ac:dyDescent="0.4">
      <c r="A30" s="7" t="s">
        <v>62</v>
      </c>
      <c r="B30" s="8">
        <v>3</v>
      </c>
      <c r="C30" s="11">
        <v>2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2</v>
      </c>
      <c r="C33" s="11">
        <v>2</v>
      </c>
      <c r="D33" s="12">
        <v>0</v>
      </c>
      <c r="E33" s="7"/>
    </row>
    <row r="34" spans="1:5" ht="25.15" customHeight="1" x14ac:dyDescent="0.4">
      <c r="A34" s="7" t="s">
        <v>24</v>
      </c>
      <c r="B34" s="8">
        <v>4</v>
      </c>
      <c r="C34" s="11">
        <v>0</v>
      </c>
      <c r="D34" s="12">
        <v>4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6</v>
      </c>
      <c r="C36" s="11">
        <v>57</v>
      </c>
      <c r="D36" s="12">
        <v>49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3</v>
      </c>
      <c r="C40" s="11">
        <v>2</v>
      </c>
      <c r="D40" s="12">
        <v>1</v>
      </c>
      <c r="E40" s="7"/>
    </row>
    <row r="41" spans="1:5" ht="25.15" customHeight="1" x14ac:dyDescent="0.4">
      <c r="A41" s="7" t="s">
        <v>30</v>
      </c>
      <c r="B41" s="8">
        <v>4</v>
      </c>
      <c r="C41" s="11">
        <v>4</v>
      </c>
      <c r="D41" s="12">
        <v>0</v>
      </c>
      <c r="E41" s="7"/>
    </row>
    <row r="42" spans="1:5" ht="25.15" customHeight="1" x14ac:dyDescent="0.4">
      <c r="A42" s="7" t="s">
        <v>31</v>
      </c>
      <c r="B42" s="8">
        <v>10</v>
      </c>
      <c r="C42" s="11">
        <v>9</v>
      </c>
      <c r="D42" s="12">
        <v>1</v>
      </c>
      <c r="E42" s="7"/>
    </row>
    <row r="43" spans="1:5" ht="25.15" customHeight="1" x14ac:dyDescent="0.4">
      <c r="A43" s="7" t="s">
        <v>32</v>
      </c>
      <c r="B43" s="8">
        <v>1</v>
      </c>
      <c r="C43" s="11">
        <v>0</v>
      </c>
      <c r="D43" s="12">
        <v>1</v>
      </c>
      <c r="E43" s="7"/>
    </row>
    <row r="44" spans="1:5" ht="25.15" customHeight="1" x14ac:dyDescent="0.4">
      <c r="A44" s="7" t="s">
        <v>67</v>
      </c>
      <c r="B44" s="8">
        <v>1</v>
      </c>
      <c r="C44" s="11">
        <v>1</v>
      </c>
      <c r="D44" s="12">
        <v>0</v>
      </c>
      <c r="E44" s="7"/>
    </row>
    <row r="45" spans="1:5" ht="25.15" customHeight="1" x14ac:dyDescent="0.4">
      <c r="A45" s="7" t="s">
        <v>33</v>
      </c>
      <c r="B45" s="8">
        <v>3</v>
      </c>
      <c r="C45" s="11">
        <v>3</v>
      </c>
      <c r="D45" s="12">
        <v>0</v>
      </c>
      <c r="E45" s="7"/>
    </row>
    <row r="46" spans="1:5" ht="25.15" customHeight="1" x14ac:dyDescent="0.4">
      <c r="A46" s="7" t="s">
        <v>34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5</v>
      </c>
      <c r="B47" s="8">
        <v>68</v>
      </c>
      <c r="C47" s="11">
        <v>33</v>
      </c>
      <c r="D47" s="12">
        <v>35</v>
      </c>
      <c r="E47" s="7"/>
    </row>
    <row r="48" spans="1:5" ht="25.15" customHeight="1" x14ac:dyDescent="0.4">
      <c r="A48" s="7" t="s">
        <v>36</v>
      </c>
      <c r="B48" s="8">
        <v>340</v>
      </c>
      <c r="C48" s="11">
        <v>147</v>
      </c>
      <c r="D48" s="12">
        <v>193</v>
      </c>
      <c r="E48" s="7"/>
    </row>
    <row r="49" spans="1:5" ht="25.15" customHeight="1" x14ac:dyDescent="0.4">
      <c r="A49" s="7" t="s">
        <v>37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8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39</v>
      </c>
      <c r="B51" s="8">
        <v>7</v>
      </c>
      <c r="C51" s="11">
        <v>2</v>
      </c>
      <c r="D51" s="12">
        <v>5</v>
      </c>
      <c r="E51" s="7"/>
    </row>
    <row r="52" spans="1:5" ht="25.15" customHeight="1" x14ac:dyDescent="0.4">
      <c r="A52" s="7" t="s">
        <v>40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1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2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63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3</v>
      </c>
      <c r="B56" s="8">
        <v>6</v>
      </c>
      <c r="C56" s="11">
        <v>3</v>
      </c>
      <c r="D56" s="12">
        <v>3</v>
      </c>
      <c r="E56" s="7"/>
    </row>
    <row r="57" spans="1:5" ht="25.15" customHeight="1" x14ac:dyDescent="0.4">
      <c r="A57" s="7" t="s">
        <v>44</v>
      </c>
      <c r="B57" s="8">
        <v>25</v>
      </c>
      <c r="C57" s="11">
        <v>14</v>
      </c>
      <c r="D57" s="12">
        <v>11</v>
      </c>
      <c r="E57" s="7"/>
    </row>
    <row r="58" spans="1:5" ht="25.15" customHeight="1" x14ac:dyDescent="0.4">
      <c r="A58" s="7" t="s">
        <v>66</v>
      </c>
      <c r="B58" s="8">
        <v>2</v>
      </c>
      <c r="C58" s="11">
        <v>1</v>
      </c>
      <c r="D58" s="12">
        <v>1</v>
      </c>
      <c r="E58" s="7"/>
    </row>
    <row r="59" spans="1:5" ht="25.15" customHeight="1" x14ac:dyDescent="0.4">
      <c r="A59" s="7" t="s">
        <v>45</v>
      </c>
      <c r="B59" s="8">
        <v>1</v>
      </c>
      <c r="C59" s="11">
        <v>1</v>
      </c>
      <c r="D59" s="12">
        <v>0</v>
      </c>
      <c r="E59" s="7"/>
    </row>
    <row r="60" spans="1:5" ht="25.15" customHeight="1" x14ac:dyDescent="0.4">
      <c r="A60" s="7" t="s">
        <v>46</v>
      </c>
      <c r="B60" s="8">
        <v>14</v>
      </c>
      <c r="C60" s="11">
        <v>8</v>
      </c>
      <c r="D60" s="12">
        <v>6</v>
      </c>
      <c r="E60" s="7"/>
    </row>
    <row r="61" spans="1:5" ht="25.15" customHeight="1" x14ac:dyDescent="0.4">
      <c r="A61" s="7" t="s">
        <v>47</v>
      </c>
      <c r="B61" s="8">
        <v>454</v>
      </c>
      <c r="C61" s="11">
        <v>346</v>
      </c>
      <c r="D61" s="12">
        <v>108</v>
      </c>
      <c r="E61" s="7"/>
    </row>
    <row r="62" spans="1:5" ht="25.15" customHeight="1" x14ac:dyDescent="0.4">
      <c r="A62" s="7" t="s">
        <v>48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49</v>
      </c>
      <c r="B63" s="8">
        <v>252</v>
      </c>
      <c r="C63" s="11">
        <v>213</v>
      </c>
      <c r="D63" s="12">
        <v>39</v>
      </c>
      <c r="E63" s="7"/>
    </row>
    <row r="64" spans="1:5" ht="25.15" customHeight="1" x14ac:dyDescent="0.4">
      <c r="A64" s="7" t="s">
        <v>50</v>
      </c>
      <c r="B64" s="8">
        <v>2</v>
      </c>
      <c r="C64" s="11">
        <v>1</v>
      </c>
      <c r="D64" s="12">
        <v>1</v>
      </c>
      <c r="E64" s="7"/>
    </row>
    <row r="65" spans="1:5" ht="25.15" customHeight="1" x14ac:dyDescent="0.4">
      <c r="A65" s="7" t="s">
        <v>69</v>
      </c>
      <c r="B65" s="8" t="s">
        <v>69</v>
      </c>
      <c r="C65" s="11" t="s">
        <v>69</v>
      </c>
      <c r="D65" s="12" t="s">
        <v>69</v>
      </c>
      <c r="E65" s="7"/>
    </row>
    <row r="66" spans="1:5" ht="25.15" customHeight="1" x14ac:dyDescent="0.4">
      <c r="A66" s="7" t="s">
        <v>69</v>
      </c>
      <c r="B66" s="8" t="s">
        <v>69</v>
      </c>
      <c r="C66" s="11" t="s">
        <v>69</v>
      </c>
      <c r="D66" s="12" t="s">
        <v>69</v>
      </c>
      <c r="E66" s="7"/>
    </row>
    <row r="67" spans="1:5" ht="25.15" customHeight="1" x14ac:dyDescent="0.4">
      <c r="A67" s="5" t="s">
        <v>51</v>
      </c>
      <c r="B67" s="8">
        <v>1804</v>
      </c>
      <c r="C67" s="8">
        <v>1128</v>
      </c>
      <c r="D67" s="8">
        <v>676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1-05-06T04:44:14Z</dcterms:modified>
</cp:coreProperties>
</file>